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notesSlides/notesSlide1.xml" ContentType="application/vnd.openxmlformats-officedocument.presentationml.notesSlide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4"/>
  </p:notesMasterIdLst>
  <p:sldIdLst>
    <p:sldId id="257" r:id="rId2"/>
    <p:sldId id="256" r:id="rId3"/>
  </p:sldIdLst>
  <p:sldSz cx="12192000" cy="6858000"/>
  <p:notesSz cx="6858000" cy="9144000"/>
  <p:custDataLst>
    <p:tags r:id="rId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 showGuides="1">
      <p:cViewPr varScale="1">
        <p:scale>
          <a:sx n="242" d="100"/>
          <a:sy n="242" d="100"/>
        </p:scale>
        <p:origin x="564" y="192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presProps" Target="presProps.xml"/><Relationship Id="rId5" Type="http://schemas.openxmlformats.org/officeDocument/2006/relationships/tags" Target="tags/tag1.xml"/><Relationship Id="rId4" Type="http://schemas.openxmlformats.org/officeDocument/2006/relationships/notesMaster" Target="notesMasters/notesMaster1.xml"/><Relationship Id="rId9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11E4BA4-5B75-41E7-B5BB-833A085A028E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920B839-6D64-4E7C-B42D-EA8FF9AF055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6376251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920B839-6D64-4E7C-B42D-EA8FF9AF0557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1784521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5920B839-6D64-4E7C-B42D-EA8FF9AF0557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5838816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D861D68-4D6B-662C-4C82-E5151644A3CF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E37BD845-40F9-03F4-A29B-48127D44790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81809588-C2D4-9206-1C43-47995EFDB21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49E526C-6775-B47C-DAAD-C0F5C4FFE61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4C52E91-BFE9-B7F4-2B64-E43E8AB443D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626241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1734474-D857-D936-F068-46D63645B2B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1D617E3F-9153-AB97-A53F-D87946E71C3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F05B461-7800-114D-83AF-A9E45A93B12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A8362ACE-E0F0-735F-8009-51C42CACC25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DF86EE1-68EC-211B-4C4A-FA2FEB5A9CA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0581508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A2A0F5D3-0446-3E28-D984-78815001F735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A69628D1-9799-ECD9-FF86-9C2430C48B81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EAF62EC-1188-BF16-B37D-BAE42D257F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D036E8A-463B-0C0F-5FF2-AF3B5F1E0BD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6DA3C1C-3542-348C-1BF2-8B77A21D760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2320947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A350BF5-D32A-0E2F-23CA-6614BD5E521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F02B54E-E7BE-A06B-8072-36B572AFD267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339D68CD-A816-0004-4E4D-A265C78640E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DCF8108-5E4E-71D4-159B-B816DCAE4CD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9A54A92-15C2-DE0D-DF3F-C96CBBB9922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584454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606C0CC-DC11-30DA-E8DB-BC33D62519B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FE4D3C67-7B29-6B48-20DB-5BEA2F1DDAC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3369EE5D-84D6-4E41-29AB-716346C6D29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33DE13B-9DED-7C2D-ADBB-D49D0435FBC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BC04EEC-35A7-30C8-098A-BAEC4F03952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2572004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FBA0D0-72A1-C00D-9C21-CCAE67A0FF2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40C3D6C6-64E2-08CC-A6A3-B666BCDE42D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C96008A3-38E3-03CC-B7EC-428B9415E8D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5BF2E997-AFE0-6158-7947-6C7A1D19FE1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1AD000A5-18D5-C8F5-1BFE-7A09C427634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EBD21776-7F3C-244E-0640-D8DAF4B4120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2994322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1AA0F5F-8CEA-4E5F-30DF-3BB50622DDD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03D7D34-AC7B-A341-8B77-555CC0F3DE5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18E5DD9E-5E2A-AAC3-728D-2B4B843EF3F1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33245183-07D9-DFBB-EFD3-4B5009564F2C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91759D0F-B8F6-511C-B4CB-C8A97D9C3AB0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F50BC359-9A0C-24FD-D69D-A202A260E89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7B394992-0155-A5B8-C023-9EE6F4DE524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BE36AA98-2017-4222-EBE5-DD114C9745D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096389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ED3180E-F721-C67C-5F6A-F35E001527B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03E3C9CC-C36E-A1E0-F873-3C159DE1202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E433E167-1622-6269-1090-F1ABEF5DF21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6437DCDA-AB1D-925E-B4E3-87962C9E6A8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3416653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917844AB-E6B1-93F6-30C7-616796CBD5D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F2AE5295-D4B5-4EE7-D862-CA70C6639CC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A750477D-D36E-079E-6CEF-E268EDB2364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390161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712F87D-D09C-6BB1-42B8-E89A3C1DBEF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FB5FEB79-12D4-5882-BE12-EC68D8BBC999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FF2BC1E1-9E4E-F903-22A8-389F50CAC99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38E530A9-4434-3C3A-9DBD-1119B962F3E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5836731-0F3B-88E7-7FC5-F50F11155FC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22DD28DA-FF26-7D78-2F3F-294C9A254C6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2387213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C5B2EBF-C32F-C892-8BB5-18E40A0117E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1D477692-3D5E-4457-AB8D-EA602837AA54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6E75CA72-F62C-9AF8-D46C-511892FB806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51F8CF23-797E-6014-B37C-48DC31CC7B6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846F9BB-1304-22F2-D8F9-66FA22D18AC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824B92C-D17D-B1D5-81D8-5E14268A699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5075486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A8EA1894-A5A7-591E-B10E-5BDCD333406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10D8D32-21A5-8D01-467B-9AF984B44D9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3E15668-44ED-DC73-2C61-364C05BECCC6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4FBFC82E-B725-43E1-9C19-979D9F106274}" type="datetimeFigureOut">
              <a:rPr lang="en-US" smtClean="0"/>
              <a:t>4/27/2024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65E5698-68F4-990A-600B-01F8D7C26015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2A3E7D5-7038-61CD-7559-56D9A642E8D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40DF62F2-6545-4DE3-B526-A9E9DF3BDB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326722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jpg"/><Relationship Id="rId3" Type="http://schemas.openxmlformats.org/officeDocument/2006/relationships/tags" Target="../tags/tag4.xml"/><Relationship Id="rId7" Type="http://schemas.openxmlformats.org/officeDocument/2006/relationships/image" Target="../media/image2.png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1.jpg"/><Relationship Id="rId5" Type="http://schemas.openxmlformats.org/officeDocument/2006/relationships/notesSlide" Target="../notesSlides/notesSlide1.xml"/><Relationship Id="rId4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0E26484E-B3DE-43AA-01BB-ED61FC46FEF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38FC525F-C89D-BE73-337C-0120B1C90C71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68" y="0"/>
            <a:ext cx="12187065" cy="6858000"/>
          </a:xfrm>
          <a:prstGeom prst="rect">
            <a:avLst/>
          </a:prstGeom>
        </p:spPr>
      </p:pic>
      <p:pic>
        <p:nvPicPr>
          <p:cNvPr id="9" name="Picture 8" descr="A robot standing on a grid&#10;&#10;Description automatically generated">
            <a:extLst>
              <a:ext uri="{FF2B5EF4-FFF2-40B4-BE49-F238E27FC236}">
                <a16:creationId xmlns:a16="http://schemas.microsoft.com/office/drawing/2014/main" id="{FFC2B9A0-6CC3-2E46-D22B-435A68370C4A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A33FFE50-9DC1-DEE9-78F6-4565E5E982D5}"/>
              </a:ext>
            </a:extLst>
          </p:cNvPr>
          <p:cNvSpPr/>
          <p:nvPr/>
        </p:nvSpPr>
        <p:spPr>
          <a:xfrm>
            <a:off x="9398696" y="5729361"/>
            <a:ext cx="2074588" cy="610914"/>
          </a:xfrm>
          <a:prstGeom prst="round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1">
            <a:schemeClr val="accent4"/>
          </a:lnRef>
          <a:fillRef idx="3">
            <a:schemeClr val="accent4"/>
          </a:fillRef>
          <a:effectRef idx="2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lt-LT"/>
              <a:t>Pradėti</a:t>
            </a:r>
            <a:r>
              <a:rPr lang="en-US"/>
              <a:t>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3740023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ISPRING_QUIZ_SHAPE0">
            <a:extLst>
              <a:ext uri="{FF2B5EF4-FFF2-40B4-BE49-F238E27FC236}">
                <a16:creationId xmlns:a16="http://schemas.microsoft.com/office/drawing/2014/main" id="{B385525C-D083-8539-3230-D3EA0B42A87B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905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1" name="ISPRING_QUIZ_SHAPE1">
            <a:extLst>
              <a:ext uri="{FF2B5EF4-FFF2-40B4-BE49-F238E27FC236}">
                <a16:creationId xmlns:a16="http://schemas.microsoft.com/office/drawing/2014/main" id="{A78769FD-0910-BE1B-431A-7E3B37AC6F64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865120" y="1851660"/>
            <a:ext cx="64643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2" name="ISPRING_QUIZ_SHAPE2">
            <a:extLst>
              <a:ext uri="{FF2B5EF4-FFF2-40B4-BE49-F238E27FC236}">
                <a16:creationId xmlns:a16="http://schemas.microsoft.com/office/drawing/2014/main" id="{B32C938B-69D5-2891-1D17-7257DBCE1504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4" name="ISPRING_QUIZ_SHAPE3">
            <a:extLst>
              <a:ext uri="{FF2B5EF4-FFF2-40B4-BE49-F238E27FC236}">
                <a16:creationId xmlns:a16="http://schemas.microsoft.com/office/drawing/2014/main" id="{2E044881-21F3-A26E-711D-76121AE572A1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5" name="ISPRING_QUIZ_SHAPE4">
            <a:extLst>
              <a:ext uri="{FF2B5EF4-FFF2-40B4-BE49-F238E27FC236}">
                <a16:creationId xmlns:a16="http://schemas.microsoft.com/office/drawing/2014/main" id="{618B77BD-A57C-9612-8E66-38984BB6868C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61968135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0F950D62-9ACB-46A0-B64B-94D0A0D82B20}"/>
  <p:tag name="ISPRING_PROJECT_VERSION" val="9.3"/>
  <p:tag name="ISPRING_PROJECT_FOLDER_UPDATED" val="1"/>
  <p:tag name="ISPRING-SUITE_ISPRING_CURRENT_PLAYER_ID" val="none"/>
  <p:tag name="ISPRING_PRESENTATION_COURSE_TITLE" val="kvizas_1"/>
  <p:tag name="ISPRING_LMS_API_VERSION" val="SCORM 2004 (4th edition)"/>
  <p:tag name="ISPRING_ULTRA_SCORM_COURSE_ID" val="A7083C5D-350E-47C4-8A33-C02FD6483B8B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|\uFFFD:{58CA99C4-64CC-4176-8941-5595AEF30950}&quot;,&quot;H:\\xamppV8\\htdocs\\robotukas\\source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none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SLIDES" val="0"/>
  <p:tag name="ISPRING_PRESENTATION_TITLE" val="kvizas_1"/>
  <p:tag name="ISPRING_FIRST_PUBLISH" val="1"/>
  <p:tag name="ISPRING-SUITE_ISPRING_PLAYERS_CUSTOMIZATION_2" val="{&quot;none&quot;:{&quot;skinSettings&quot;:{&quot;borderRadius&quot;:10,&quot;colors&quot;:{&quot;asideBackground&quot;:{&quot;color&quot;:&quot;#FFFFFF&quot;,&quot;opacity&quot;:1,&quot;type&quot;:&quot;SOLID&quot;},&quot;pageBackground&quot;:{&quot;color&quot;:&quot;#FFFFFF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false,&quot;fontFamily&quot;:&quot;Arial&quot;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ALWAYS_START_OVER&quot;,&quot;enableKeyboardNavigation&quot;:false},&quot;keyboardSettings&quot;:&quot;&quot;,&quot;skinVersion&quot;:3,&quot;skinCompatibleVersion&quot;:0,&quot;publishSettings&quot;:{&quot;backgroundColor&quot;:&quot;#FFFFFF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false,&quot;playerNavigationAutoStart&quot;:true,&quot;playerNavigationEnableKeyboardNavigation&quot;:false,&quot;playerNavigationOnRestart&quot;:&quot;never&quot;,&quot;playerNavigationSaveAnimationStates&quot;:false,&quot;playerNavigationType&quot;:&quot;free&quot;,&quot;playerTheme&quot;:&quot;custom&quot;,&quot;playerThemeBorderRadius&quot;:10,&quot;playerThemeColorScheme&quot;:&quot;custom&quot;,&quot;playerThemeFont&quot;:&quot;Arial&quot;}}}"/>
  <p:tag name="ISPRING_SCORM_PASSING_SCORE" val="70.000000"/>
  <p:tag name="ISPRING_RESOURCE_FOLDER" val="H:\xamppV8\htdocs\robotukas\sources\kvizas_2\"/>
  <p:tag name="ISPRING_PRESENTATION_PATH" val="H:\xamppV8\htdocs\robotukas\sources\kvizas_2.pptx"/>
  <p:tag name="ISPRING_SCREEN_RECS_UPDATED" val="H:\xamppV8\htdocs\robotukas\sources\kvizas_2\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C4ED775-0DEB-4FCD-81D7-5BA43EE3F70E}:25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xCFCzjyO3lmbpYcFqxJlHw&quot;,&quot;gi&quot;:&quot;RPe0UadmYi2e9jIzwaGOtg&quot;,&quot;ti&quot;:&quot;backgrounds&quot;,&quot;vs&quot;:{&quot;f&quot;:[407],&quot;i&quot;:{&quot;d&quot;:&quot;xCFCzjyO3lmbpYcFqxJlHw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yrQgX5bfI85zGmee_3f_fg&quot;,&quot;gi&quot;:&quot;RPe0UadmYi2e9jIzwaGOtg&quot;,&quot;ti&quot;:&quot;backgrounds&quot;,&quot;vs&quot;:{&quot;f&quot;:[407],&quot;i&quot;:{&quot;d&quot;:&quot;yrQgX5bfI85zGmee_3f_fg&quot;,&quot;p&quot;:true}},&quot;at&quot;:&quot;DEFAULT&quot;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C55BB3CF-5EAD-4EDD-8F19-6D929BBC0273}:256"/>
  <p:tag name="ISPRING_QUIZ_FULL_PATH" val="H:\xamppV8\htdocs\robotukas\sources\kvizas_2\quiz\quiz1.quiz"/>
  <p:tag name="ISPRING_QUIZ_RELATIVE_PATH" val="kvizas_2\quiz\quiz1.quiz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312</TotalTime>
  <Words>14</Words>
  <Application>Microsoft Office PowerPoint</Application>
  <PresentationFormat>Widescreen</PresentationFormat>
  <Paragraphs>5</Paragraphs>
  <Slides>2</Slides>
  <Notes>2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8" baseType="lpstr">
      <vt:lpstr>Aptos</vt:lpstr>
      <vt:lpstr>Aptos Display</vt:lpstr>
      <vt:lpstr>Arial</vt:lpstr>
      <vt:lpstr>Segoe UI</vt:lpstr>
      <vt:lpstr>Segoe UI Semibold</vt:lpstr>
      <vt:lpstr>Office Theme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vizas_1</dc:title>
  <dc:creator>Tomas Blažauskas</dc:creator>
  <cp:lastModifiedBy>Tomas Blažauskas</cp:lastModifiedBy>
  <cp:revision>19</cp:revision>
  <dcterms:created xsi:type="dcterms:W3CDTF">2024-04-26T15:36:51Z</dcterms:created>
  <dcterms:modified xsi:type="dcterms:W3CDTF">2024-04-27T13:34:07Z</dcterms:modified>
</cp:coreProperties>
</file>